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006820" w:rsidRDefault="00006820">
      <w:pPr>
        <w:rPr>
          <w:noProof/>
        </w:rPr>
      </w:pPr>
      <w:r>
        <w:rPr>
          <w:rFonts w:hint="eastAsia"/>
          <w:noProof/>
        </w:rPr>
        <w:t>3年生　音楽朝会での発表</w:t>
      </w:r>
    </w:p>
    <w:p w:rsidR="00006820" w:rsidRDefault="00006820">
      <w:r>
        <w:rPr>
          <w:noProof/>
        </w:rPr>
        <w:drawing>
          <wp:inline distT="0" distB="0" distL="0" distR="0">
            <wp:extent cx="5380030" cy="2275367"/>
            <wp:effectExtent l="0" t="0" r="0" b="0"/>
            <wp:docPr id="1" name="図 1" descr="C:\Users\s7048\AppData\Local\Microsoft\Windows\INetCache\Content.Word\IMG_125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7048\AppData\Local\Microsoft\Windows\INetCache\Content.Word\IMG_1254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394" t="23190" r="758" b="21049"/>
                    <a:stretch/>
                  </pic:blipFill>
                  <pic:spPr bwMode="auto">
                    <a:xfrm>
                      <a:off x="0" y="0"/>
                      <a:ext cx="5380369" cy="22755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06820" w:rsidRDefault="00006820" w:rsidP="00006820"/>
    <w:p w:rsidR="00AC15D8" w:rsidRPr="00006820" w:rsidRDefault="00006820" w:rsidP="00006820">
      <w:pPr>
        <w:ind w:firstLineChars="100" w:firstLine="210"/>
      </w:pPr>
      <w:r>
        <w:rPr>
          <w:rFonts w:hint="eastAsia"/>
        </w:rPr>
        <w:t>9月１５日（水）、音楽朝会で３年生がリコーダーの発表をしました。3年生になって始めたリコーダーの学習で、タンギングや息の強さ、指の動きを練習してきました。「シ」の音だけで「笛星人」、「シとラ」の音で「さくら笛」「</w:t>
      </w:r>
      <w:bookmarkStart w:id="0" w:name="_GoBack"/>
      <w:bookmarkEnd w:id="0"/>
      <w:r>
        <w:rPr>
          <w:rFonts w:hint="eastAsia"/>
        </w:rPr>
        <w:t>シとラとソ」の音で「猫ふいちゃった」「シとラとソとド」の音で「ブラックホール」、合わせて４曲を演奏しました。ビデオでの発表でしたが、他の学年の児童からも、息の合った演奏に対して、たくさん感想を聞くことができました。</w:t>
      </w:r>
    </w:p>
    <w:sectPr w:rsidR="00AC15D8" w:rsidRPr="00006820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57A3D" w:rsidRDefault="00257A3D" w:rsidP="009F33F5">
      <w:r>
        <w:separator/>
      </w:r>
    </w:p>
  </w:endnote>
  <w:endnote w:type="continuationSeparator" w:id="0">
    <w:p w:rsidR="00257A3D" w:rsidRDefault="00257A3D" w:rsidP="009F33F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57A3D" w:rsidRDefault="00257A3D" w:rsidP="009F33F5">
      <w:r>
        <w:separator/>
      </w:r>
    </w:p>
  </w:footnote>
  <w:footnote w:type="continuationSeparator" w:id="0">
    <w:p w:rsidR="00257A3D" w:rsidRDefault="00257A3D" w:rsidP="009F33F5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06820"/>
    <w:rsid w:val="00006820"/>
    <w:rsid w:val="00257A3D"/>
    <w:rsid w:val="009F33F5"/>
    <w:rsid w:val="00AC15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1FEA4454-DD1C-4A43-9A70-BA33D386296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9F33F5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9F33F5"/>
  </w:style>
  <w:style w:type="paragraph" w:styleId="a5">
    <w:name w:val="footer"/>
    <w:basedOn w:val="a"/>
    <w:link w:val="a6"/>
    <w:uiPriority w:val="99"/>
    <w:unhideWhenUsed/>
    <w:rsid w:val="009F33F5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9F33F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</TotalTime>
  <Pages>1</Pages>
  <Words>34</Words>
  <Characters>196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2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7048</dc:creator>
  <cp:keywords/>
  <dc:description/>
  <cp:lastModifiedBy>s7048</cp:lastModifiedBy>
  <cp:revision>2</cp:revision>
  <dcterms:created xsi:type="dcterms:W3CDTF">2021-09-21T06:26:00Z</dcterms:created>
  <dcterms:modified xsi:type="dcterms:W3CDTF">2021-09-24T03:40:00Z</dcterms:modified>
</cp:coreProperties>
</file>